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726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virke.sharepoint.com/sites/Tariff/Shared Documents/Tariffoppgjør/HUK-området/2024 Hovedoppgjør HUK/Rammetall-Lønnssatser/"/>
    </mc:Choice>
  </mc:AlternateContent>
  <xr:revisionPtr revIDLastSave="17" documentId="8_{8F1BDCA3-830B-4841-A195-4A80D4FF76DF}" xr6:coauthVersionLast="47" xr6:coauthVersionMax="47" xr10:uidLastSave="{D02F7EF3-0357-4CA4-A4B5-D5B685EB9047}"/>
  <bookViews>
    <workbookView xWindow="-120" yWindow="-120" windowWidth="29040" windowHeight="15720" activeTab="1" xr2:uid="{9780480E-F39D-4754-A662-A0237351F623}"/>
  </bookViews>
  <sheets>
    <sheet name="Sentrale tillegg 1.5.24" sheetId="10" r:id="rId1"/>
    <sheet name="Garantilønnstabell 1.5.2024" sheetId="11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9" uniqueCount="37">
  <si>
    <t>Stillingsgrupper</t>
  </si>
  <si>
    <t>0 år</t>
  </si>
  <si>
    <t>2 år</t>
  </si>
  <si>
    <t>4 år</t>
  </si>
  <si>
    <t>6 år</t>
  </si>
  <si>
    <t>8 år</t>
  </si>
  <si>
    <t>10 år</t>
  </si>
  <si>
    <t>16 år</t>
  </si>
  <si>
    <t>Ans.tillegg</t>
  </si>
  <si>
    <t>Stillinger uten særskilt krav til utdanning</t>
  </si>
  <si>
    <t>Lektor og Stillinger med krav om mastergrad</t>
  </si>
  <si>
    <t>Merknad: Ansiennitetstillegget legges i sin helhet til den enkeltes årslønn.</t>
  </si>
  <si>
    <t>Fagarbeiderstillinger/ tilsvarende fagarbeiderstillinger</t>
  </si>
  <si>
    <t>Stillinger med krav om fagbrev og 1-årig fagskoleutdanning</t>
  </si>
  <si>
    <t>Lektor med tilleggsutdanning</t>
  </si>
  <si>
    <t>Gjelder for:</t>
  </si>
  <si>
    <t>Tillegg for ansiennitet</t>
  </si>
  <si>
    <t>Laveste årslønn</t>
  </si>
  <si>
    <t>Fagarbeiderstillinger/ tilsv. fagarbeiderstillinger</t>
  </si>
  <si>
    <t>Adjunkt med tilleggsutdanning og 
Stillinger med krav om 5-årig U/H-utdanning</t>
  </si>
  <si>
    <t>Adjunkt og 
Stillinger med krav om 4-årig U/H-utdanning</t>
  </si>
  <si>
    <t>Lærer og 
Stillinger med krav om 3-årig U/H-utdanning</t>
  </si>
  <si>
    <r>
      <t xml:space="preserve">·         </t>
    </r>
    <r>
      <rPr>
        <i/>
        <sz val="10"/>
        <color theme="1"/>
        <rFont val="Calibri"/>
        <family val="2"/>
        <scheme val="minor"/>
      </rPr>
      <t xml:space="preserve">Landsoverenskomst for helse og sosiale tjenester </t>
    </r>
  </si>
  <si>
    <r>
      <t xml:space="preserve">·         </t>
    </r>
    <r>
      <rPr>
        <i/>
        <sz val="10"/>
        <color theme="1"/>
        <rFont val="Calibri"/>
        <family val="2"/>
        <scheme val="minor"/>
      </rPr>
      <t xml:space="preserve">Landsoverenskomst for barnehager </t>
    </r>
  </si>
  <si>
    <r>
      <t xml:space="preserve">·         </t>
    </r>
    <r>
      <rPr>
        <i/>
        <sz val="10"/>
        <color theme="1"/>
        <rFont val="Calibri"/>
        <family val="2"/>
        <scheme val="minor"/>
      </rPr>
      <t>Landsoverenskomst for utdanning</t>
    </r>
  </si>
  <si>
    <r>
      <t>·</t>
    </r>
    <r>
      <rPr>
        <sz val="10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helse og sosiale tjenester </t>
    </r>
  </si>
  <si>
    <r>
      <t>·</t>
    </r>
    <r>
      <rPr>
        <sz val="10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barnehager </t>
    </r>
  </si>
  <si>
    <r>
      <t>·</t>
    </r>
    <r>
      <rPr>
        <sz val="10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>Landsoverenskomst for utdanning</t>
    </r>
  </si>
  <si>
    <t>Garantilønn (laveste årslønn)</t>
  </si>
  <si>
    <t>Stillinger med krav om fagbrev og 2-årig fagskoleutdanning - NY</t>
  </si>
  <si>
    <t>Garantilønn og lønnstillegg for ansiennitet - Tabell pr. 1. mai 2024</t>
  </si>
  <si>
    <t>Sentrale tillegg pr. 1. mai 2024</t>
  </si>
  <si>
    <t>Garantilønn og lønnstillegg for ansiennitet pr. 1. mai 2024</t>
  </si>
  <si>
    <t>Sentrale lønnstillegg – pr. 1. mai 2024</t>
  </si>
  <si>
    <t>Med virkning fra 1. mai 2022 erstattes de laveste ansiennitetstrinnene med en ny, høyere garantilønn som gjelder fram til 6 års ansiennitet. Dette gjelder for alle stillingsgrupper, unntatt stillingsgruppen «Stillinger uten særskilt krav til utdanning».</t>
  </si>
  <si>
    <t>Med virkning fra 1. mai 2024 erstattes de laveste ansiennitetstrinnene i «stillinger uten særskilt krav til utdanning» med en ny, høyere garantilønn som gjelder fram til 6 års ansiennitet.</t>
  </si>
  <si>
    <t>Merknad: Tilleggene legges i sin helhet på den enkeltes grunnlønn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1"/>
      <color theme="1"/>
      <name val="Calibri"/>
      <family val="2"/>
      <scheme val="minor"/>
    </font>
    <font>
      <i/>
      <sz val="10"/>
      <color theme="1"/>
      <name val="Trebuchet MS"/>
      <family val="2"/>
    </font>
    <font>
      <sz val="10"/>
      <color theme="1"/>
      <name val="Symbol"/>
      <family val="1"/>
      <charset val="2"/>
    </font>
    <font>
      <b/>
      <sz val="14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10"/>
      <color rgb="FF000000"/>
      <name val="Calibri"/>
      <family val="2"/>
      <scheme val="minor"/>
    </font>
    <font>
      <i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0"/>
      <color theme="1"/>
      <name val="Times New Roman"/>
      <family val="1"/>
    </font>
    <font>
      <sz val="10"/>
      <name val="Calibri"/>
      <family val="2"/>
      <scheme val="minor"/>
    </font>
    <font>
      <sz val="1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D0CECE"/>
        <bgColor indexed="64"/>
      </patternFill>
    </fill>
    <fill>
      <patternFill patternType="solid">
        <fgColor rgb="FFB4C6E7"/>
        <bgColor indexed="64"/>
      </patternFill>
    </fill>
  </fills>
  <borders count="19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rgb="FF000000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rgb="FF000000"/>
      </bottom>
      <diagonal/>
    </border>
    <border>
      <left style="medium">
        <color indexed="64"/>
      </left>
      <right style="medium">
        <color indexed="64"/>
      </right>
      <top style="medium">
        <color rgb="FF000000"/>
      </top>
      <bottom/>
      <diagonal/>
    </border>
    <border>
      <left style="medium">
        <color indexed="64"/>
      </left>
      <right/>
      <top style="medium">
        <color rgb="FF000000"/>
      </top>
      <bottom/>
      <diagonal/>
    </border>
  </borders>
  <cellStyleXfs count="1">
    <xf numFmtId="0" fontId="0" fillId="0" borderId="0"/>
  </cellStyleXfs>
  <cellXfs count="59">
    <xf numFmtId="0" fontId="0" fillId="0" borderId="0" xfId="0"/>
    <xf numFmtId="0" fontId="1" fillId="0" borderId="0" xfId="0" applyFont="1" applyAlignment="1">
      <alignment vertical="center"/>
    </xf>
    <xf numFmtId="0" fontId="2" fillId="0" borderId="0" xfId="0" applyFont="1" applyAlignment="1">
      <alignment horizontal="left" vertical="center" indent="5"/>
    </xf>
    <xf numFmtId="0" fontId="3" fillId="0" borderId="0" xfId="0" applyFont="1"/>
    <xf numFmtId="0" fontId="4" fillId="0" borderId="0" xfId="0" applyFont="1"/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2" borderId="9" xfId="0" applyFont="1" applyFill="1" applyBorder="1" applyAlignment="1">
      <alignment horizontal="center" vertical="center" wrapText="1"/>
    </xf>
    <xf numFmtId="0" fontId="5" fillId="2" borderId="8" xfId="0" applyFont="1" applyFill="1" applyBorder="1" applyAlignment="1">
      <alignment horizontal="center" vertical="center" wrapText="1"/>
    </xf>
    <xf numFmtId="0" fontId="6" fillId="0" borderId="9" xfId="0" applyFont="1" applyBorder="1" applyAlignment="1">
      <alignment vertical="center" wrapText="1"/>
    </xf>
    <xf numFmtId="3" fontId="6" fillId="0" borderId="8" xfId="0" applyNumberFormat="1" applyFont="1" applyBorder="1" applyAlignment="1">
      <alignment horizontal="center" vertical="center"/>
    </xf>
    <xf numFmtId="3" fontId="6" fillId="0" borderId="14" xfId="0" applyNumberFormat="1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5" fillId="2" borderId="10" xfId="0" applyFont="1" applyFill="1" applyBorder="1" applyAlignment="1">
      <alignment horizontal="left" vertical="center" wrapText="1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8" fillId="0" borderId="0" xfId="0" applyFont="1" applyAlignment="1">
      <alignment vertical="center"/>
    </xf>
    <xf numFmtId="0" fontId="5" fillId="2" borderId="11" xfId="0" applyFont="1" applyFill="1" applyBorder="1" applyAlignment="1">
      <alignment horizontal="left" vertical="center" wrapText="1"/>
    </xf>
    <xf numFmtId="0" fontId="5" fillId="2" borderId="14" xfId="0" applyFont="1" applyFill="1" applyBorder="1" applyAlignment="1">
      <alignment horizontal="left" vertical="center" wrapText="1"/>
    </xf>
    <xf numFmtId="0" fontId="5" fillId="2" borderId="14" xfId="0" applyFont="1" applyFill="1" applyBorder="1" applyAlignment="1">
      <alignment horizontal="center" vertical="center" wrapText="1"/>
    </xf>
    <xf numFmtId="0" fontId="5" fillId="2" borderId="8" xfId="0" applyFont="1" applyFill="1" applyBorder="1" applyAlignment="1">
      <alignment horizontal="left" vertical="center" wrapText="1"/>
    </xf>
    <xf numFmtId="3" fontId="6" fillId="3" borderId="8" xfId="0" applyNumberFormat="1" applyFont="1" applyFill="1" applyBorder="1" applyAlignment="1">
      <alignment horizontal="center" vertical="center"/>
    </xf>
    <xf numFmtId="0" fontId="6" fillId="3" borderId="14" xfId="0" applyFont="1" applyFill="1" applyBorder="1" applyAlignment="1">
      <alignment horizontal="left" vertical="center" wrapText="1"/>
    </xf>
    <xf numFmtId="0" fontId="6" fillId="0" borderId="14" xfId="0" applyFont="1" applyBorder="1" applyAlignment="1">
      <alignment horizontal="left" vertical="center" wrapText="1"/>
    </xf>
    <xf numFmtId="0" fontId="6" fillId="3" borderId="12" xfId="0" applyFont="1" applyFill="1" applyBorder="1" applyAlignment="1">
      <alignment horizontal="left" vertical="center" wrapText="1"/>
    </xf>
    <xf numFmtId="0" fontId="6" fillId="0" borderId="8" xfId="0" applyFont="1" applyBorder="1" applyAlignment="1">
      <alignment horizontal="left" vertical="center" wrapText="1"/>
    </xf>
    <xf numFmtId="0" fontId="8" fillId="0" borderId="0" xfId="0" applyFont="1"/>
    <xf numFmtId="0" fontId="9" fillId="0" borderId="0" xfId="0" applyFont="1"/>
    <xf numFmtId="3" fontId="6" fillId="0" borderId="10" xfId="0" applyNumberFormat="1" applyFont="1" applyBorder="1" applyAlignment="1">
      <alignment horizontal="center" vertical="center"/>
    </xf>
    <xf numFmtId="3" fontId="6" fillId="0" borderId="11" xfId="0" applyNumberFormat="1" applyFont="1" applyBorder="1" applyAlignment="1">
      <alignment horizontal="center" vertical="center"/>
    </xf>
    <xf numFmtId="3" fontId="6" fillId="0" borderId="12" xfId="0" applyNumberFormat="1" applyFont="1" applyBorder="1" applyAlignment="1">
      <alignment horizontal="center" vertical="center"/>
    </xf>
    <xf numFmtId="3" fontId="6" fillId="0" borderId="4" xfId="0" applyNumberFormat="1" applyFont="1" applyBorder="1" applyAlignment="1">
      <alignment horizontal="center" vertical="center"/>
    </xf>
    <xf numFmtId="3" fontId="6" fillId="0" borderId="0" xfId="0" applyNumberFormat="1" applyFont="1" applyAlignment="1">
      <alignment horizontal="center" vertical="center"/>
    </xf>
    <xf numFmtId="3" fontId="6" fillId="0" borderId="5" xfId="0" applyNumberFormat="1" applyFont="1" applyBorder="1" applyAlignment="1">
      <alignment horizontal="center" vertical="center"/>
    </xf>
    <xf numFmtId="3" fontId="6" fillId="0" borderId="13" xfId="0" applyNumberFormat="1" applyFont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 wrapText="1"/>
    </xf>
    <xf numFmtId="0" fontId="5" fillId="2" borderId="16" xfId="0" applyFont="1" applyFill="1" applyBorder="1" applyAlignment="1">
      <alignment horizontal="center" vertical="center" wrapText="1"/>
    </xf>
    <xf numFmtId="3" fontId="11" fillId="3" borderId="8" xfId="0" applyNumberFormat="1" applyFont="1" applyFill="1" applyBorder="1" applyAlignment="1">
      <alignment horizontal="center" vertical="center"/>
    </xf>
    <xf numFmtId="3" fontId="11" fillId="0" borderId="8" xfId="0" applyNumberFormat="1" applyFont="1" applyBorder="1" applyAlignment="1">
      <alignment horizontal="center" vertical="center"/>
    </xf>
    <xf numFmtId="0" fontId="12" fillId="0" borderId="0" xfId="0" applyFont="1" applyAlignment="1">
      <alignment vertical="center"/>
    </xf>
    <xf numFmtId="0" fontId="12" fillId="0" borderId="0" xfId="0" applyFont="1" applyAlignment="1">
      <alignment horizontal="left" vertical="center"/>
    </xf>
    <xf numFmtId="0" fontId="5" fillId="2" borderId="6" xfId="0" applyFont="1" applyFill="1" applyBorder="1" applyAlignment="1">
      <alignment horizontal="center" vertical="center"/>
    </xf>
    <xf numFmtId="0" fontId="5" fillId="2" borderId="7" xfId="0" applyFont="1" applyFill="1" applyBorder="1" applyAlignment="1">
      <alignment horizontal="center" vertical="center"/>
    </xf>
    <xf numFmtId="0" fontId="5" fillId="2" borderId="1" xfId="0" applyFont="1" applyFill="1" applyBorder="1" applyAlignment="1">
      <alignment horizontal="center" vertical="center"/>
    </xf>
    <xf numFmtId="0" fontId="6" fillId="0" borderId="17" xfId="0" applyFont="1" applyBorder="1" applyAlignment="1">
      <alignment horizontal="left" vertical="center" wrapText="1"/>
    </xf>
    <xf numFmtId="0" fontId="6" fillId="0" borderId="16" xfId="0" applyFont="1" applyBorder="1" applyAlignment="1">
      <alignment horizontal="left" vertical="center" wrapText="1"/>
    </xf>
    <xf numFmtId="3" fontId="6" fillId="0" borderId="18" xfId="0" applyNumberFormat="1" applyFont="1" applyBorder="1" applyAlignment="1">
      <alignment horizontal="center" vertical="center" wrapText="1"/>
    </xf>
    <xf numFmtId="3" fontId="8" fillId="0" borderId="5" xfId="0" applyNumberFormat="1" applyFont="1" applyBorder="1" applyAlignment="1">
      <alignment horizontal="center" vertical="center" wrapText="1"/>
    </xf>
    <xf numFmtId="0" fontId="5" fillId="2" borderId="2" xfId="0" applyFont="1" applyFill="1" applyBorder="1" applyAlignment="1">
      <alignment horizontal="left" vertical="center" wrapText="1"/>
    </xf>
    <xf numFmtId="0" fontId="5" fillId="2" borderId="3" xfId="0" applyFont="1" applyFill="1" applyBorder="1" applyAlignment="1">
      <alignment horizontal="left" vertical="center" wrapText="1"/>
    </xf>
    <xf numFmtId="0" fontId="5" fillId="2" borderId="16" xfId="0" applyFont="1" applyFill="1" applyBorder="1" applyAlignment="1">
      <alignment horizontal="left" vertical="center" wrapText="1"/>
    </xf>
    <xf numFmtId="0" fontId="5" fillId="2" borderId="15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 wrapText="1"/>
    </xf>
    <xf numFmtId="0" fontId="5" fillId="2" borderId="16" xfId="0" applyFont="1" applyFill="1" applyBorder="1" applyAlignment="1">
      <alignment horizontal="center" vertical="center" wrapText="1"/>
    </xf>
    <xf numFmtId="0" fontId="8" fillId="0" borderId="16" xfId="0" applyFont="1" applyBorder="1" applyAlignment="1">
      <alignment horizontal="left" vertical="center" wrapText="1"/>
    </xf>
    <xf numFmtId="0" fontId="7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2013 – 2022-tema">
  <a:themeElements>
    <a:clrScheme name="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C593D9-F3A1-427F-BE2E-A6FB02BD3D1E}">
  <sheetPr>
    <pageSetUpPr fitToPage="1"/>
  </sheetPr>
  <dimension ref="A1:H21"/>
  <sheetViews>
    <sheetView zoomScale="110" zoomScaleNormal="110" workbookViewId="0">
      <selection activeCell="D22" sqref="D22"/>
    </sheetView>
  </sheetViews>
  <sheetFormatPr baseColWidth="10" defaultRowHeight="12.75" x14ac:dyDescent="0.2"/>
  <cols>
    <col min="1" max="1" width="46" style="29" customWidth="1"/>
    <col min="2" max="16384" width="11.42578125" style="29"/>
  </cols>
  <sheetData>
    <row r="1" spans="1:8" s="4" customFormat="1" ht="18.75" x14ac:dyDescent="0.3">
      <c r="A1" s="3" t="s">
        <v>31</v>
      </c>
    </row>
    <row r="2" spans="1:8" x14ac:dyDescent="0.2">
      <c r="A2" s="30"/>
    </row>
    <row r="3" spans="1:8" ht="15" x14ac:dyDescent="0.2">
      <c r="A3" s="1" t="s">
        <v>15</v>
      </c>
    </row>
    <row r="4" spans="1:8" ht="15" x14ac:dyDescent="0.2">
      <c r="A4" s="2" t="s">
        <v>25</v>
      </c>
    </row>
    <row r="5" spans="1:8" ht="15" x14ac:dyDescent="0.2">
      <c r="A5" s="2" t="s">
        <v>26</v>
      </c>
    </row>
    <row r="6" spans="1:8" ht="15" x14ac:dyDescent="0.2">
      <c r="A6" s="2" t="s">
        <v>27</v>
      </c>
    </row>
    <row r="7" spans="1:8" x14ac:dyDescent="0.2">
      <c r="A7" s="2"/>
    </row>
    <row r="8" spans="1:8" ht="13.5" thickBot="1" x14ac:dyDescent="0.25"/>
    <row r="9" spans="1:8" ht="27.95" customHeight="1" thickBot="1" x14ac:dyDescent="0.25">
      <c r="A9" s="15" t="s">
        <v>0</v>
      </c>
      <c r="B9" s="44" t="s">
        <v>33</v>
      </c>
      <c r="C9" s="45"/>
      <c r="D9" s="45"/>
      <c r="E9" s="45"/>
      <c r="F9" s="45"/>
      <c r="G9" s="45"/>
      <c r="H9" s="46"/>
    </row>
    <row r="10" spans="1:8" ht="27.95" customHeight="1" thickBot="1" x14ac:dyDescent="0.25">
      <c r="A10" s="8"/>
      <c r="B10" s="9" t="s">
        <v>1</v>
      </c>
      <c r="C10" s="9" t="s">
        <v>2</v>
      </c>
      <c r="D10" s="9" t="s">
        <v>3</v>
      </c>
      <c r="E10" s="9" t="s">
        <v>4</v>
      </c>
      <c r="F10" s="9" t="s">
        <v>5</v>
      </c>
      <c r="G10" s="9" t="s">
        <v>6</v>
      </c>
      <c r="H10" s="9" t="s">
        <v>7</v>
      </c>
    </row>
    <row r="11" spans="1:8" ht="27.95" customHeight="1" thickBot="1" x14ac:dyDescent="0.25">
      <c r="A11" s="10" t="s">
        <v>9</v>
      </c>
      <c r="B11" s="11">
        <v>31300</v>
      </c>
      <c r="C11" s="11">
        <v>24800</v>
      </c>
      <c r="D11" s="11">
        <v>22000</v>
      </c>
      <c r="E11" s="11">
        <v>22000</v>
      </c>
      <c r="F11" s="11">
        <v>22000</v>
      </c>
      <c r="G11" s="11">
        <v>22000</v>
      </c>
      <c r="H11" s="11">
        <v>22000</v>
      </c>
    </row>
    <row r="12" spans="1:8" ht="27.95" customHeight="1" thickBot="1" x14ac:dyDescent="0.25">
      <c r="A12" s="10" t="s">
        <v>12</v>
      </c>
      <c r="B12" s="31">
        <v>22000</v>
      </c>
      <c r="C12" s="32"/>
      <c r="D12" s="33"/>
      <c r="E12" s="11">
        <v>22000</v>
      </c>
      <c r="F12" s="11">
        <v>22000</v>
      </c>
      <c r="G12" s="11">
        <v>22000</v>
      </c>
      <c r="H12" s="11">
        <v>25800</v>
      </c>
    </row>
    <row r="13" spans="1:8" ht="27.95" customHeight="1" thickBot="1" x14ac:dyDescent="0.25">
      <c r="A13" s="10" t="s">
        <v>13</v>
      </c>
      <c r="B13" s="34">
        <v>22000</v>
      </c>
      <c r="C13" s="35"/>
      <c r="D13" s="12"/>
      <c r="E13" s="11">
        <v>22000</v>
      </c>
      <c r="F13" s="11">
        <v>22000</v>
      </c>
      <c r="G13" s="11">
        <v>22000</v>
      </c>
      <c r="H13" s="11">
        <v>26100</v>
      </c>
    </row>
    <row r="14" spans="1:8" ht="27.95" customHeight="1" thickBot="1" x14ac:dyDescent="0.25">
      <c r="A14" s="10" t="s">
        <v>21</v>
      </c>
      <c r="B14" s="34">
        <v>22000</v>
      </c>
      <c r="C14" s="35"/>
      <c r="D14" s="12"/>
      <c r="E14" s="11">
        <v>22000</v>
      </c>
      <c r="F14" s="11">
        <v>22000</v>
      </c>
      <c r="G14" s="11">
        <v>22000</v>
      </c>
      <c r="H14" s="11">
        <v>27300</v>
      </c>
    </row>
    <row r="15" spans="1:8" ht="27.95" customHeight="1" thickBot="1" x14ac:dyDescent="0.25">
      <c r="A15" s="10" t="s">
        <v>20</v>
      </c>
      <c r="B15" s="34">
        <v>22000</v>
      </c>
      <c r="C15" s="35"/>
      <c r="D15" s="12"/>
      <c r="E15" s="11">
        <v>23500</v>
      </c>
      <c r="F15" s="11">
        <v>23500</v>
      </c>
      <c r="G15" s="11">
        <v>23500</v>
      </c>
      <c r="H15" s="11">
        <v>28500</v>
      </c>
    </row>
    <row r="16" spans="1:8" ht="27.95" customHeight="1" thickBot="1" x14ac:dyDescent="0.25">
      <c r="A16" s="10" t="s">
        <v>19</v>
      </c>
      <c r="B16" s="34">
        <v>22000</v>
      </c>
      <c r="C16" s="35"/>
      <c r="D16" s="12"/>
      <c r="E16" s="11">
        <v>25600</v>
      </c>
      <c r="F16" s="11">
        <v>25600</v>
      </c>
      <c r="G16" s="11">
        <v>29200</v>
      </c>
      <c r="H16" s="11">
        <v>30700</v>
      </c>
    </row>
    <row r="17" spans="1:8" ht="27.95" customHeight="1" thickBot="1" x14ac:dyDescent="0.25">
      <c r="A17" s="10" t="s">
        <v>10</v>
      </c>
      <c r="B17" s="34">
        <v>22000</v>
      </c>
      <c r="C17" s="35"/>
      <c r="D17" s="12"/>
      <c r="E17" s="11">
        <v>29700</v>
      </c>
      <c r="F17" s="11">
        <v>29700</v>
      </c>
      <c r="G17" s="11">
        <v>29700</v>
      </c>
      <c r="H17" s="11">
        <v>35500</v>
      </c>
    </row>
    <row r="18" spans="1:8" ht="27.95" customHeight="1" thickBot="1" x14ac:dyDescent="0.25">
      <c r="A18" s="10" t="s">
        <v>14</v>
      </c>
      <c r="B18" s="36">
        <v>22000</v>
      </c>
      <c r="C18" s="37"/>
      <c r="D18" s="11"/>
      <c r="E18" s="11">
        <v>30000</v>
      </c>
      <c r="F18" s="11">
        <v>30000</v>
      </c>
      <c r="G18" s="11">
        <v>30000</v>
      </c>
      <c r="H18" s="11">
        <v>37000</v>
      </c>
    </row>
    <row r="21" spans="1:8" s="58" customFormat="1" x14ac:dyDescent="0.2">
      <c r="A21" s="58" t="s">
        <v>36</v>
      </c>
    </row>
  </sheetData>
  <mergeCells count="1">
    <mergeCell ref="B9:H9"/>
  </mergeCells>
  <pageMargins left="0.7" right="0.7" top="0.75" bottom="0.75" header="0.3" footer="0.3"/>
  <pageSetup paperSize="9" fitToHeight="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D1E96D-583C-4267-86B6-D8E5E3E67B13}">
  <sheetPr>
    <pageSetUpPr fitToPage="1"/>
  </sheetPr>
  <dimension ref="A1:G36"/>
  <sheetViews>
    <sheetView tabSelected="1" topLeftCell="A12" zoomScale="110" zoomScaleNormal="110" workbookViewId="0">
      <selection activeCell="C6" sqref="C6"/>
    </sheetView>
  </sheetViews>
  <sheetFormatPr baseColWidth="10" defaultRowHeight="15" x14ac:dyDescent="0.25"/>
  <cols>
    <col min="1" max="1" width="37" style="5" customWidth="1"/>
    <col min="2" max="2" width="21.42578125" style="14" customWidth="1"/>
    <col min="3" max="16384" width="11.42578125" style="5"/>
  </cols>
  <sheetData>
    <row r="1" spans="1:7" s="7" customFormat="1" ht="18.75" x14ac:dyDescent="0.25">
      <c r="A1" s="6" t="s">
        <v>30</v>
      </c>
      <c r="B1" s="13"/>
    </row>
    <row r="2" spans="1:7" s="19" customFormat="1" ht="12.75" x14ac:dyDescent="0.25">
      <c r="A2" s="16"/>
      <c r="B2" s="17"/>
    </row>
    <row r="3" spans="1:7" s="19" customFormat="1" ht="12.75" x14ac:dyDescent="0.25">
      <c r="A3" s="16" t="s">
        <v>15</v>
      </c>
      <c r="B3" s="17"/>
    </row>
    <row r="4" spans="1:7" s="19" customFormat="1" ht="12.75" x14ac:dyDescent="0.25">
      <c r="A4" s="18" t="s">
        <v>22</v>
      </c>
      <c r="B4" s="18"/>
    </row>
    <row r="5" spans="1:7" s="19" customFormat="1" ht="12.75" x14ac:dyDescent="0.25">
      <c r="A5" s="18" t="s">
        <v>23</v>
      </c>
      <c r="B5" s="18"/>
    </row>
    <row r="6" spans="1:7" s="19" customFormat="1" ht="12.75" x14ac:dyDescent="0.25">
      <c r="A6" s="18" t="s">
        <v>24</v>
      </c>
      <c r="B6" s="18"/>
    </row>
    <row r="7" spans="1:7" s="19" customFormat="1" ht="12.75" x14ac:dyDescent="0.25">
      <c r="A7" s="18"/>
      <c r="B7" s="18"/>
    </row>
    <row r="8" spans="1:7" s="19" customFormat="1" ht="13.5" thickBot="1" x14ac:dyDescent="0.3">
      <c r="B8" s="18"/>
    </row>
    <row r="9" spans="1:7" s="19" customFormat="1" ht="18" customHeight="1" thickBot="1" x14ac:dyDescent="0.3">
      <c r="A9" s="51" t="s">
        <v>0</v>
      </c>
      <c r="B9" s="20"/>
      <c r="C9" s="45" t="s">
        <v>32</v>
      </c>
      <c r="D9" s="45"/>
      <c r="E9" s="45"/>
      <c r="F9" s="45"/>
      <c r="G9" s="54"/>
    </row>
    <row r="10" spans="1:7" s="19" customFormat="1" ht="18" customHeight="1" x14ac:dyDescent="0.25">
      <c r="A10" s="52"/>
      <c r="B10" s="21"/>
      <c r="C10" s="55" t="s">
        <v>28</v>
      </c>
      <c r="D10" s="22" t="s">
        <v>4</v>
      </c>
      <c r="E10" s="22" t="s">
        <v>5</v>
      </c>
      <c r="F10" s="22" t="s">
        <v>6</v>
      </c>
      <c r="G10" s="38" t="s">
        <v>7</v>
      </c>
    </row>
    <row r="11" spans="1:7" s="19" customFormat="1" ht="18" customHeight="1" thickBot="1" x14ac:dyDescent="0.3">
      <c r="A11" s="53"/>
      <c r="B11" s="23"/>
      <c r="C11" s="56"/>
      <c r="D11" s="9" t="s">
        <v>8</v>
      </c>
      <c r="E11" s="9" t="s">
        <v>8</v>
      </c>
      <c r="F11" s="9" t="s">
        <v>8</v>
      </c>
      <c r="G11" s="39" t="s">
        <v>8</v>
      </c>
    </row>
    <row r="12" spans="1:7" s="19" customFormat="1" ht="18" customHeight="1" thickBot="1" x14ac:dyDescent="0.3">
      <c r="A12" s="47" t="s">
        <v>9</v>
      </c>
      <c r="B12" s="25" t="s">
        <v>16</v>
      </c>
      <c r="C12" s="49">
        <v>382500</v>
      </c>
      <c r="D12" s="24">
        <v>3000</v>
      </c>
      <c r="E12" s="24">
        <v>8100</v>
      </c>
      <c r="F12" s="24">
        <v>46300</v>
      </c>
      <c r="G12" s="24">
        <v>39800</v>
      </c>
    </row>
    <row r="13" spans="1:7" s="19" customFormat="1" ht="18" customHeight="1" thickBot="1" x14ac:dyDescent="0.3">
      <c r="A13" s="48"/>
      <c r="B13" s="26" t="s">
        <v>17</v>
      </c>
      <c r="C13" s="50"/>
      <c r="D13" s="11">
        <v>385500</v>
      </c>
      <c r="E13" s="11">
        <v>393600</v>
      </c>
      <c r="F13" s="11">
        <v>439900</v>
      </c>
      <c r="G13" s="11">
        <v>479700</v>
      </c>
    </row>
    <row r="14" spans="1:7" s="19" customFormat="1" ht="18" customHeight="1" thickBot="1" x14ac:dyDescent="0.3">
      <c r="A14" s="47" t="s">
        <v>18</v>
      </c>
      <c r="B14" s="27" t="s">
        <v>16</v>
      </c>
      <c r="C14" s="49">
        <v>437300</v>
      </c>
      <c r="D14" s="24">
        <v>4200</v>
      </c>
      <c r="E14" s="24">
        <v>11400</v>
      </c>
      <c r="F14" s="24">
        <v>43800</v>
      </c>
      <c r="G14" s="24">
        <v>16400</v>
      </c>
    </row>
    <row r="15" spans="1:7" s="19" customFormat="1" ht="18" customHeight="1" thickBot="1" x14ac:dyDescent="0.3">
      <c r="A15" s="48"/>
      <c r="B15" s="26" t="s">
        <v>17</v>
      </c>
      <c r="C15" s="50"/>
      <c r="D15" s="11">
        <v>441500</v>
      </c>
      <c r="E15" s="11">
        <v>452900</v>
      </c>
      <c r="F15" s="11">
        <v>496700</v>
      </c>
      <c r="G15" s="11">
        <v>513100</v>
      </c>
    </row>
    <row r="16" spans="1:7" s="19" customFormat="1" ht="18" customHeight="1" thickBot="1" x14ac:dyDescent="0.3">
      <c r="A16" s="47" t="s">
        <v>13</v>
      </c>
      <c r="B16" s="27" t="s">
        <v>16</v>
      </c>
      <c r="C16" s="49">
        <v>459300</v>
      </c>
      <c r="D16" s="24">
        <v>4200</v>
      </c>
      <c r="E16" s="24">
        <v>11400</v>
      </c>
      <c r="F16" s="24">
        <v>41800</v>
      </c>
      <c r="G16" s="24">
        <v>17800</v>
      </c>
    </row>
    <row r="17" spans="1:7" s="19" customFormat="1" ht="18" customHeight="1" thickBot="1" x14ac:dyDescent="0.3">
      <c r="A17" s="48"/>
      <c r="B17" s="26" t="s">
        <v>17</v>
      </c>
      <c r="C17" s="50"/>
      <c r="D17" s="11">
        <v>463500</v>
      </c>
      <c r="E17" s="11">
        <v>474900</v>
      </c>
      <c r="F17" s="11">
        <v>516700</v>
      </c>
      <c r="G17" s="11">
        <v>534500</v>
      </c>
    </row>
    <row r="18" spans="1:7" s="19" customFormat="1" ht="18" customHeight="1" thickBot="1" x14ac:dyDescent="0.3">
      <c r="A18" s="47" t="s">
        <v>29</v>
      </c>
      <c r="B18" s="27" t="s">
        <v>16</v>
      </c>
      <c r="C18" s="49">
        <v>459300</v>
      </c>
      <c r="D18" s="24">
        <v>4200</v>
      </c>
      <c r="E18" s="24">
        <v>11400</v>
      </c>
      <c r="F18" s="24">
        <v>41800</v>
      </c>
      <c r="G18" s="24">
        <v>17800</v>
      </c>
    </row>
    <row r="19" spans="1:7" s="19" customFormat="1" ht="18" customHeight="1" thickBot="1" x14ac:dyDescent="0.3">
      <c r="A19" s="48"/>
      <c r="B19" s="26" t="s">
        <v>17</v>
      </c>
      <c r="C19" s="50"/>
      <c r="D19" s="11">
        <v>463500</v>
      </c>
      <c r="E19" s="11">
        <v>474900</v>
      </c>
      <c r="F19" s="11">
        <v>516700</v>
      </c>
      <c r="G19" s="11">
        <v>534500</v>
      </c>
    </row>
    <row r="20" spans="1:7" s="19" customFormat="1" ht="18" customHeight="1" thickBot="1" x14ac:dyDescent="0.3">
      <c r="A20" s="47" t="s">
        <v>21</v>
      </c>
      <c r="B20" s="27" t="s">
        <v>16</v>
      </c>
      <c r="C20" s="49">
        <v>507400</v>
      </c>
      <c r="D20" s="24">
        <v>10200</v>
      </c>
      <c r="E20" s="24">
        <v>10200</v>
      </c>
      <c r="F20" s="24">
        <v>50800</v>
      </c>
      <c r="G20" s="24">
        <v>17800</v>
      </c>
    </row>
    <row r="21" spans="1:7" s="19" customFormat="1" ht="18" customHeight="1" thickBot="1" x14ac:dyDescent="0.3">
      <c r="A21" s="57"/>
      <c r="B21" s="26" t="s">
        <v>17</v>
      </c>
      <c r="C21" s="50"/>
      <c r="D21" s="11">
        <v>517600</v>
      </c>
      <c r="E21" s="11">
        <v>527800</v>
      </c>
      <c r="F21" s="11">
        <v>578600</v>
      </c>
      <c r="G21" s="11">
        <v>596400</v>
      </c>
    </row>
    <row r="22" spans="1:7" s="19" customFormat="1" ht="18" customHeight="1" thickBot="1" x14ac:dyDescent="0.3">
      <c r="A22" s="47" t="s">
        <v>20</v>
      </c>
      <c r="B22" s="27" t="s">
        <v>16</v>
      </c>
      <c r="C22" s="49">
        <v>548400</v>
      </c>
      <c r="D22" s="24">
        <v>11800</v>
      </c>
      <c r="E22" s="24">
        <v>20200</v>
      </c>
      <c r="F22" s="24">
        <v>24200</v>
      </c>
      <c r="G22" s="24">
        <v>22800</v>
      </c>
    </row>
    <row r="23" spans="1:7" s="19" customFormat="1" ht="18" customHeight="1" thickBot="1" x14ac:dyDescent="0.3">
      <c r="A23" s="57"/>
      <c r="B23" s="26" t="s">
        <v>17</v>
      </c>
      <c r="C23" s="50"/>
      <c r="D23" s="11">
        <v>560200</v>
      </c>
      <c r="E23" s="11">
        <v>580400</v>
      </c>
      <c r="F23" s="11">
        <v>604600</v>
      </c>
      <c r="G23" s="11">
        <v>627400</v>
      </c>
    </row>
    <row r="24" spans="1:7" s="19" customFormat="1" ht="18" customHeight="1" thickBot="1" x14ac:dyDescent="0.3">
      <c r="A24" s="47" t="s">
        <v>19</v>
      </c>
      <c r="B24" s="27" t="s">
        <v>16</v>
      </c>
      <c r="C24" s="49">
        <v>584000</v>
      </c>
      <c r="D24" s="24">
        <v>9000</v>
      </c>
      <c r="E24" s="24">
        <v>13100</v>
      </c>
      <c r="F24" s="24">
        <v>32300</v>
      </c>
      <c r="G24" s="40">
        <v>47000</v>
      </c>
    </row>
    <row r="25" spans="1:7" s="19" customFormat="1" ht="18" customHeight="1" thickBot="1" x14ac:dyDescent="0.3">
      <c r="A25" s="57"/>
      <c r="B25" s="26" t="s">
        <v>17</v>
      </c>
      <c r="C25" s="50"/>
      <c r="D25" s="11">
        <v>593000</v>
      </c>
      <c r="E25" s="11">
        <v>606100</v>
      </c>
      <c r="F25" s="11">
        <v>638400</v>
      </c>
      <c r="G25" s="41">
        <v>685400</v>
      </c>
    </row>
    <row r="26" spans="1:7" s="19" customFormat="1" ht="18" customHeight="1" thickBot="1" x14ac:dyDescent="0.3">
      <c r="A26" s="47" t="s">
        <v>10</v>
      </c>
      <c r="B26" s="27" t="s">
        <v>16</v>
      </c>
      <c r="C26" s="49">
        <v>614100</v>
      </c>
      <c r="D26" s="24">
        <v>14600</v>
      </c>
      <c r="E26" s="24">
        <v>10500</v>
      </c>
      <c r="F26" s="24">
        <v>34200</v>
      </c>
      <c r="G26" s="40">
        <v>71700</v>
      </c>
    </row>
    <row r="27" spans="1:7" s="19" customFormat="1" ht="18" customHeight="1" thickBot="1" x14ac:dyDescent="0.3">
      <c r="A27" s="48"/>
      <c r="B27" s="26" t="s">
        <v>17</v>
      </c>
      <c r="C27" s="50"/>
      <c r="D27" s="11">
        <v>628700</v>
      </c>
      <c r="E27" s="11">
        <v>639200</v>
      </c>
      <c r="F27" s="11">
        <v>673400</v>
      </c>
      <c r="G27" s="41">
        <v>745100</v>
      </c>
    </row>
    <row r="28" spans="1:7" s="19" customFormat="1" ht="18" customHeight="1" thickBot="1" x14ac:dyDescent="0.3">
      <c r="A28" s="47" t="s">
        <v>14</v>
      </c>
      <c r="B28" s="27" t="s">
        <v>16</v>
      </c>
      <c r="C28" s="49">
        <v>633600</v>
      </c>
      <c r="D28" s="24">
        <v>13900</v>
      </c>
      <c r="E28" s="24">
        <v>13300</v>
      </c>
      <c r="F28" s="24">
        <v>34200</v>
      </c>
      <c r="G28" s="40">
        <v>83000</v>
      </c>
    </row>
    <row r="29" spans="1:7" s="19" customFormat="1" ht="18" customHeight="1" thickBot="1" x14ac:dyDescent="0.3">
      <c r="A29" s="48"/>
      <c r="B29" s="28" t="s">
        <v>17</v>
      </c>
      <c r="C29" s="50"/>
      <c r="D29" s="11">
        <v>647500</v>
      </c>
      <c r="E29" s="11">
        <v>660800</v>
      </c>
      <c r="F29" s="11">
        <v>695000</v>
      </c>
      <c r="G29" s="41">
        <v>778000</v>
      </c>
    </row>
    <row r="30" spans="1:7" s="19" customFormat="1" ht="12.75" x14ac:dyDescent="0.25">
      <c r="B30" s="18"/>
    </row>
    <row r="32" spans="1:7" s="19" customFormat="1" ht="12.75" x14ac:dyDescent="0.25">
      <c r="A32" s="16" t="s">
        <v>11</v>
      </c>
      <c r="B32" s="17"/>
    </row>
    <row r="34" spans="1:2" s="42" customFormat="1" x14ac:dyDescent="0.25">
      <c r="A34" s="42" t="s">
        <v>34</v>
      </c>
      <c r="B34" s="43"/>
    </row>
    <row r="36" spans="1:2" x14ac:dyDescent="0.25">
      <c r="A36" s="5" t="s">
        <v>35</v>
      </c>
    </row>
  </sheetData>
  <mergeCells count="21">
    <mergeCell ref="A26:A27"/>
    <mergeCell ref="C26:C27"/>
    <mergeCell ref="A28:A29"/>
    <mergeCell ref="C28:C29"/>
    <mergeCell ref="A22:A23"/>
    <mergeCell ref="C22:C23"/>
    <mergeCell ref="A24:A25"/>
    <mergeCell ref="C24:C25"/>
    <mergeCell ref="A16:A17"/>
    <mergeCell ref="C16:C17"/>
    <mergeCell ref="A20:A21"/>
    <mergeCell ref="C20:C21"/>
    <mergeCell ref="A18:A19"/>
    <mergeCell ref="C18:C19"/>
    <mergeCell ref="A14:A15"/>
    <mergeCell ref="C14:C15"/>
    <mergeCell ref="A9:A11"/>
    <mergeCell ref="C9:G9"/>
    <mergeCell ref="C10:C11"/>
    <mergeCell ref="A12:A13"/>
    <mergeCell ref="C12:C13"/>
  </mergeCells>
  <pageMargins left="0.7" right="0.7" top="0.75" bottom="0.75" header="0.3" footer="0.3"/>
  <pageSetup paperSize="9" scale="98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8a49c20a-2fe4-4982-9f09-b4365cf39318" xsi:nil="true"/>
    <lcf76f155ced4ddcb4097134ff3c332f xmlns="93044be4-03e5-4784-90da-be95f976c9af">
      <Terms xmlns="http://schemas.microsoft.com/office/infopath/2007/PartnerControls"/>
    </lcf76f155ced4ddcb4097134ff3c332f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041247C7857F154FA11E886DACA926D0" ma:contentTypeVersion="15" ma:contentTypeDescription="Opprett et nytt dokument." ma:contentTypeScope="" ma:versionID="0f1ccc2672da6edbe1d0178bb1296c16">
  <xsd:schema xmlns:xsd="http://www.w3.org/2001/XMLSchema" xmlns:xs="http://www.w3.org/2001/XMLSchema" xmlns:p="http://schemas.microsoft.com/office/2006/metadata/properties" xmlns:ns2="93044be4-03e5-4784-90da-be95f976c9af" xmlns:ns3="73d1a5da-9230-4fca-8acc-77984a66e1bb" xmlns:ns4="8a49c20a-2fe4-4982-9f09-b4365cf39318" targetNamespace="http://schemas.microsoft.com/office/2006/metadata/properties" ma:root="true" ma:fieldsID="be488d35ef4d3f995bcb41bb60411147" ns2:_="" ns3:_="" ns4:_="">
    <xsd:import namespace="93044be4-03e5-4784-90da-be95f976c9af"/>
    <xsd:import namespace="73d1a5da-9230-4fca-8acc-77984a66e1bb"/>
    <xsd:import namespace="8a49c20a-2fe4-4982-9f09-b4365cf3931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lcf76f155ced4ddcb4097134ff3c332f" minOccurs="0"/>
                <xsd:element ref="ns4:TaxCatchAll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DateTaken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3044be4-03e5-4784-90da-be95f976c9a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5" nillable="true" ma:taxonomy="true" ma:internalName="lcf76f155ced4ddcb4097134ff3c332f" ma:taxonomyFieldName="MediaServiceImageTags" ma:displayName="Bildemerkelapper" ma:readOnly="false" ma:fieldId="{5cf76f15-5ced-4ddc-b409-7134ff3c332f}" ma:taxonomyMulti="true" ma:sspId="26b5c31d-841d-4c4e-a006-1ea9cada7cc8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20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2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2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3d1a5da-9230-4fca-8acc-77984a66e1bb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Delingsdetaljer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49c20a-2fe4-4982-9f09-b4365cf39318" elementFormDefault="qualified">
    <xsd:import namespace="http://schemas.microsoft.com/office/2006/documentManagement/types"/>
    <xsd:import namespace="http://schemas.microsoft.com/office/infopath/2007/PartnerControls"/>
    <xsd:element name="TaxCatchAll" ma:index="16" nillable="true" ma:displayName="Taxonomy Catch All Column" ma:hidden="true" ma:list="{6a91d4e7-f010-428d-be71-b02c386cddfb}" ma:internalName="TaxCatchAll" ma:showField="CatchAllData" ma:web="73d1a5da-9230-4fca-8acc-77984a66e1b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nholdstype"/>
        <xsd:element ref="dc:title" minOccurs="0" maxOccurs="1" ma:index="4" ma:displayName="Tit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3A86EF2-629B-4925-9DD1-EAE178C64D3D}">
  <ds:schemaRefs>
    <ds:schemaRef ds:uri="http://schemas.microsoft.com/office/2006/metadata/properties"/>
    <ds:schemaRef ds:uri="http://schemas.microsoft.com/office/infopath/2007/PartnerControls"/>
    <ds:schemaRef ds:uri="8a49c20a-2fe4-4982-9f09-b4365cf39318"/>
    <ds:schemaRef ds:uri="93044be4-03e5-4784-90da-be95f976c9af"/>
  </ds:schemaRefs>
</ds:datastoreItem>
</file>

<file path=customXml/itemProps2.xml><?xml version="1.0" encoding="utf-8"?>
<ds:datastoreItem xmlns:ds="http://schemas.openxmlformats.org/officeDocument/2006/customXml" ds:itemID="{8889D23B-1036-432B-AD74-F05455494A1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3044be4-03e5-4784-90da-be95f976c9af"/>
    <ds:schemaRef ds:uri="73d1a5da-9230-4fca-8acc-77984a66e1bb"/>
    <ds:schemaRef ds:uri="8a49c20a-2fe4-4982-9f09-b4365cf3931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6831522F-4FDC-4EF8-B3C3-64041E35CD7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2</vt:i4>
      </vt:variant>
    </vt:vector>
  </HeadingPairs>
  <TitlesOfParts>
    <vt:vector size="2" baseType="lpstr">
      <vt:lpstr>Sentrale tillegg 1.5.24</vt:lpstr>
      <vt:lpstr>Garantilønnstabell 1.5.2024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opher Tønnessen</dc:creator>
  <cp:lastModifiedBy>Ann Torunn Tallaksen</cp:lastModifiedBy>
  <cp:lastPrinted>2024-05-14T13:10:32Z</cp:lastPrinted>
  <dcterms:created xsi:type="dcterms:W3CDTF">2018-09-17T10:17:37Z</dcterms:created>
  <dcterms:modified xsi:type="dcterms:W3CDTF">2024-07-03T09:58:1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150522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219</vt:lpwstr>
  </property>
  <property fmtid="{D5CDD505-2E9C-101B-9397-08002B2CF9AE}" pid="9" name="FileName">
    <vt:lpwstr>19-15210 Lønnssatser 2019 - Landsoverenskomst for helse og sosiale tjenester, barnehager, 1150522_855992_0.XLSX</vt:lpwstr>
  </property>
  <property fmtid="{D5CDD505-2E9C-101B-9397-08002B2CF9AE}" pid="10" name="FullFileName">
    <vt:lpwstr>\\RB-SXD7E-006\360users\work\i04\rb219\19-15210 Lønnssatser 2019 - Landsoverenskomst for helse og sosiale tjenester, barnehager, 1150522_855992_0.XLSX</vt:lpwstr>
  </property>
  <property fmtid="{D5CDD505-2E9C-101B-9397-08002B2CF9AE}" pid="11" name="ContentTypeId">
    <vt:lpwstr>0x010100041247C7857F154FA11E886DACA926D0</vt:lpwstr>
  </property>
  <property fmtid="{D5CDD505-2E9C-101B-9397-08002B2CF9AE}" pid="12" name="MediaServiceImageTags">
    <vt:lpwstr/>
  </property>
</Properties>
</file>